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227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DAEBCDEC-7BAE-410D-B486-8D39349C9F2E}" xr6:coauthVersionLast="47" xr6:coauthVersionMax="47" xr10:uidLastSave="{00000000-0000-0000-0000-000000000000}"/>
  <bookViews>
    <workbookView xWindow="34332" yWindow="0" windowWidth="19260" windowHeight="17160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67" uniqueCount="67">
  <si>
    <t>Market</t>
  </si>
  <si>
    <t>Completions, Last 2 Years (MSF)</t>
  </si>
  <si>
    <t>Completion, Next 2 Years (MSF)</t>
  </si>
  <si>
    <t>Manhattan</t>
  </si>
  <si>
    <t>Boston</t>
  </si>
  <si>
    <t>Austin</t>
  </si>
  <si>
    <t>Seattle</t>
  </si>
  <si>
    <t>Dallas</t>
  </si>
  <si>
    <t>Washington, DC</t>
  </si>
  <si>
    <t>Atlanta</t>
  </si>
  <si>
    <t>San Jose</t>
  </si>
  <si>
    <t>Chicago</t>
  </si>
  <si>
    <t>San Francisco</t>
  </si>
  <si>
    <t>Los Angeles</t>
  </si>
  <si>
    <t>Nashville</t>
  </si>
  <si>
    <t>Raleigh</t>
  </si>
  <si>
    <t>Philadelphia</t>
  </si>
  <si>
    <t>Denver</t>
  </si>
  <si>
    <t>Charlotte</t>
  </si>
  <si>
    <t>Houston</t>
  </si>
  <si>
    <t>Phoenix</t>
  </si>
  <si>
    <t>San Antonio</t>
  </si>
  <si>
    <t>Orlando</t>
  </si>
  <si>
    <t>Fort Worth</t>
  </si>
  <si>
    <t>Baltimore</t>
  </si>
  <si>
    <t>San Diego</t>
  </si>
  <si>
    <t>Columbus</t>
  </si>
  <si>
    <t>Las Vegas</t>
  </si>
  <si>
    <t>Orange County</t>
  </si>
  <si>
    <t>Pittsburgh</t>
  </si>
  <si>
    <t>Detroit</t>
  </si>
  <si>
    <t>Miami</t>
  </si>
  <si>
    <t>Kansas City</t>
  </si>
  <si>
    <t>Salt Lake City</t>
  </si>
  <si>
    <t>St. Louis</t>
  </si>
  <si>
    <t>Fort Lauderdale</t>
  </si>
  <si>
    <t>Minneapolis</t>
  </si>
  <si>
    <t>Cleveland</t>
  </si>
  <si>
    <t>Louisville</t>
  </si>
  <si>
    <t>Albany</t>
  </si>
  <si>
    <t>Jacksonville</t>
  </si>
  <si>
    <t>Stamford</t>
  </si>
  <si>
    <t>Cincinnati</t>
  </si>
  <si>
    <t>Tulsa</t>
  </si>
  <si>
    <t>Wilmington, DE</t>
  </si>
  <si>
    <t>Oakland</t>
  </si>
  <si>
    <t>Northern New Jersey</t>
  </si>
  <si>
    <t>Central New Jersey</t>
  </si>
  <si>
    <t>Tampa</t>
  </si>
  <si>
    <t>Oklahoma City</t>
  </si>
  <si>
    <t>Portland</t>
  </si>
  <si>
    <t>Memphis</t>
  </si>
  <si>
    <t>Indianapolis</t>
  </si>
  <si>
    <t>Norfolk</t>
  </si>
  <si>
    <t>Sacramento</t>
  </si>
  <si>
    <t>Honolulu</t>
  </si>
  <si>
    <t>Riverside</t>
  </si>
  <si>
    <t>Richmond</t>
  </si>
  <si>
    <t>West Palm Beach</t>
  </si>
  <si>
    <t>Albuquerque</t>
  </si>
  <si>
    <t>Hartford</t>
  </si>
  <si>
    <t>Long Island</t>
  </si>
  <si>
    <t>Milwaukee</t>
  </si>
  <si>
    <t>Toledo</t>
  </si>
  <si>
    <t>Tucson</t>
  </si>
  <si>
    <t>Ventura</t>
  </si>
  <si>
    <t>Westcheste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2" x14ac:knownFonts="1">
    <font>
      <sz val="11"/>
      <color theme="1"/>
      <name val="Calibre"/>
      <family val="2"/>
      <scheme val="minor"/>
    </font>
    <font>
      <b/>
      <sz val="11"/>
      <color theme="1"/>
      <name val="Calibre"/>
      <family val="2"/>
      <scheme val="minor"/>
    </font>
  </fonts>
  <fills count="2">
    <fill>
      <patternFill patternType="none"/>
    </fill>
    <fill>
      <patternFill patternType="gray125"/>
    </fill>
  </fills>
  <borders count="2">
    <border>
      <left/>
      <right/>
      <top/>
      <bottom/>
      <diagonal/>
    </border>
    <border>
      <left/>
      <right/>
      <top/>
      <bottom style="thick">
        <color auto="1"/>
      </bottom>
      <diagonal/>
    </border>
  </borders>
  <cellStyleXfs count="1">
    <xf numFmtId="0" fontId="0" fillId="0" borderId="0"/>
  </cellStyleXfs>
  <cellXfs count="4">
    <xf numFmtId="0" fontId="0" fillId="0" borderId="0" xfId="0"/>
    <xf numFmtId="0" fontId="1" fillId="0" borderId="1" xfId="0" applyFont="1" applyBorder="1" applyAlignment="1">
      <alignment horizontal="center"/>
    </xf>
    <xf numFmtId="0" fontId="1" fillId="0" borderId="1" xfId="0" applyFont="1" applyBorder="1"/>
    <xf numFmtId="2" fontId="0" fillId="0" borderId="0" xfId="0" applyNumberFormat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B2:D66"/>
  <sheetViews>
    <sheetView tabSelected="1" workbookViewId="0">
      <selection activeCell="H67" sqref="H67"/>
    </sheetView>
  </sheetViews>
  <sheetFormatPr defaultRowHeight="13.8" x14ac:dyDescent="0.25"/>
  <cols>
    <col min="2" max="2" width="16.796875" customWidth="1"/>
    <col min="3" max="3" width="33.796875" customWidth="1"/>
    <col min="4" max="4" width="32.09765625" customWidth="1"/>
  </cols>
  <sheetData>
    <row r="2" spans="2:4" ht="14.4" thickBot="1" x14ac:dyDescent="0.3">
      <c r="B2" s="1" t="s">
        <v>0</v>
      </c>
      <c r="C2" s="2" t="s">
        <v>1</v>
      </c>
      <c r="D2" s="2" t="s">
        <v>2</v>
      </c>
    </row>
    <row r="3" spans="2:4" ht="14.4" thickTop="1" x14ac:dyDescent="0.25">
      <c r="B3" t="s">
        <v>3</v>
      </c>
      <c r="C3" s="3">
        <v>7.4590000000000005</v>
      </c>
      <c r="D3" s="3">
        <v>0.48599999999999999</v>
      </c>
    </row>
    <row r="4" spans="2:4" x14ac:dyDescent="0.25">
      <c r="B4" t="s">
        <v>4</v>
      </c>
      <c r="C4" s="3">
        <v>5.2910000000000004</v>
      </c>
      <c r="D4" s="3">
        <v>1.857</v>
      </c>
    </row>
    <row r="5" spans="2:4" x14ac:dyDescent="0.25">
      <c r="B5" t="s">
        <v>5</v>
      </c>
      <c r="C5" s="3">
        <v>3.4660000000000002</v>
      </c>
      <c r="D5" s="3">
        <v>2.4340000000000002</v>
      </c>
    </row>
    <row r="6" spans="2:4" x14ac:dyDescent="0.25">
      <c r="B6" t="s">
        <v>6</v>
      </c>
      <c r="C6" s="3">
        <v>5.5970000000000004</v>
      </c>
      <c r="D6" s="3">
        <v>0.89800000000000002</v>
      </c>
    </row>
    <row r="7" spans="2:4" x14ac:dyDescent="0.25">
      <c r="B7" t="s">
        <v>7</v>
      </c>
      <c r="C7" s="3">
        <v>4.5440000000000005</v>
      </c>
      <c r="D7" s="3">
        <v>2.5099999999999998</v>
      </c>
    </row>
    <row r="8" spans="2:4" x14ac:dyDescent="0.25">
      <c r="B8" t="s">
        <v>8</v>
      </c>
      <c r="C8" s="3">
        <v>2.0750000000000002</v>
      </c>
      <c r="D8" s="3">
        <v>0.63200000000000001</v>
      </c>
    </row>
    <row r="9" spans="2:4" x14ac:dyDescent="0.25">
      <c r="B9" t="s">
        <v>9</v>
      </c>
      <c r="C9" s="3">
        <v>1.379</v>
      </c>
      <c r="D9" s="3">
        <v>1.1419999999999999</v>
      </c>
    </row>
    <row r="10" spans="2:4" x14ac:dyDescent="0.25">
      <c r="B10" t="s">
        <v>10</v>
      </c>
      <c r="C10" s="3">
        <v>2.7589999999999999</v>
      </c>
      <c r="D10" s="3">
        <v>1.7869999999999999</v>
      </c>
    </row>
    <row r="11" spans="2:4" x14ac:dyDescent="0.25">
      <c r="B11" t="s">
        <v>11</v>
      </c>
      <c r="C11" s="3">
        <v>2.4609999999999999</v>
      </c>
      <c r="D11" s="3">
        <v>0.49199999999999999</v>
      </c>
    </row>
    <row r="12" spans="2:4" x14ac:dyDescent="0.25">
      <c r="B12" t="s">
        <v>12</v>
      </c>
      <c r="C12" s="3">
        <v>1.903</v>
      </c>
      <c r="D12" s="3">
        <v>0.86</v>
      </c>
    </row>
    <row r="13" spans="2:4" x14ac:dyDescent="0.25">
      <c r="B13" t="s">
        <v>13</v>
      </c>
      <c r="C13" s="3">
        <v>2.04</v>
      </c>
      <c r="D13" s="3">
        <v>1.3680000000000001</v>
      </c>
    </row>
    <row r="14" spans="2:4" x14ac:dyDescent="0.25">
      <c r="B14" t="s">
        <v>14</v>
      </c>
      <c r="C14" s="3">
        <v>1.5270000000000001</v>
      </c>
      <c r="D14" s="3">
        <v>2.141</v>
      </c>
    </row>
    <row r="15" spans="2:4" x14ac:dyDescent="0.25">
      <c r="B15" t="s">
        <v>15</v>
      </c>
      <c r="C15" s="3">
        <v>1.8840000000000001</v>
      </c>
      <c r="D15" s="3">
        <v>0.72799999999999998</v>
      </c>
    </row>
    <row r="16" spans="2:4" x14ac:dyDescent="0.25">
      <c r="B16" t="s">
        <v>16</v>
      </c>
      <c r="C16" s="3">
        <v>1.0150000000000001</v>
      </c>
      <c r="D16" s="3">
        <v>0.65300000000000002</v>
      </c>
    </row>
    <row r="17" spans="2:4" x14ac:dyDescent="0.25">
      <c r="B17" t="s">
        <v>17</v>
      </c>
      <c r="C17" s="3">
        <v>1.794</v>
      </c>
      <c r="D17" s="3">
        <v>0.97699999999999998</v>
      </c>
    </row>
    <row r="18" spans="2:4" x14ac:dyDescent="0.25">
      <c r="B18" t="s">
        <v>18</v>
      </c>
      <c r="C18" s="3">
        <v>1.524</v>
      </c>
      <c r="D18" s="3">
        <v>0.63300000000000001</v>
      </c>
    </row>
    <row r="19" spans="2:4" x14ac:dyDescent="0.25">
      <c r="B19" t="s">
        <v>19</v>
      </c>
      <c r="C19" s="3">
        <v>1.4419999999999999</v>
      </c>
      <c r="D19" s="3">
        <v>0.97099999999999997</v>
      </c>
    </row>
    <row r="20" spans="2:4" x14ac:dyDescent="0.25">
      <c r="B20" t="s">
        <v>20</v>
      </c>
      <c r="C20" s="3">
        <v>1.167</v>
      </c>
      <c r="D20" s="3">
        <v>0.251</v>
      </c>
    </row>
    <row r="21" spans="2:4" x14ac:dyDescent="0.25">
      <c r="B21" t="s">
        <v>21</v>
      </c>
      <c r="C21" s="3">
        <v>1.06</v>
      </c>
      <c r="D21" s="3">
        <v>0.13</v>
      </c>
    </row>
    <row r="22" spans="2:4" x14ac:dyDescent="0.25">
      <c r="B22" t="s">
        <v>22</v>
      </c>
      <c r="C22" s="3">
        <v>1</v>
      </c>
      <c r="D22" s="3">
        <v>0.33300000000000002</v>
      </c>
    </row>
    <row r="23" spans="2:4" x14ac:dyDescent="0.25">
      <c r="B23" t="s">
        <v>23</v>
      </c>
      <c r="C23" s="3">
        <v>0.79400000000000004</v>
      </c>
      <c r="D23" s="3">
        <v>0.42099999999999999</v>
      </c>
    </row>
    <row r="24" spans="2:4" x14ac:dyDescent="0.25">
      <c r="B24" t="s">
        <v>24</v>
      </c>
      <c r="C24" s="3">
        <v>0.76400000000000001</v>
      </c>
      <c r="D24" s="3">
        <v>0.20499999999999999</v>
      </c>
    </row>
    <row r="25" spans="2:4" x14ac:dyDescent="0.25">
      <c r="B25" t="s">
        <v>25</v>
      </c>
      <c r="C25" s="3">
        <v>0.66700000000000004</v>
      </c>
      <c r="D25" s="3">
        <v>0.69799999999999995</v>
      </c>
    </row>
    <row r="26" spans="2:4" x14ac:dyDescent="0.25">
      <c r="B26" t="s">
        <v>26</v>
      </c>
      <c r="C26" s="3">
        <v>0.73599999999999999</v>
      </c>
      <c r="D26" s="3">
        <v>0.60499999999999998</v>
      </c>
    </row>
    <row r="27" spans="2:4" x14ac:dyDescent="0.25">
      <c r="B27" t="s">
        <v>27</v>
      </c>
      <c r="C27" s="3">
        <v>0.82900000000000007</v>
      </c>
      <c r="D27" s="3">
        <v>0</v>
      </c>
    </row>
    <row r="28" spans="2:4" x14ac:dyDescent="0.25">
      <c r="B28" t="s">
        <v>28</v>
      </c>
      <c r="C28" s="3">
        <v>0.35000000000000003</v>
      </c>
      <c r="D28" s="3">
        <v>0.21299999999999999</v>
      </c>
    </row>
    <row r="29" spans="2:4" x14ac:dyDescent="0.25">
      <c r="B29" t="s">
        <v>29</v>
      </c>
      <c r="C29" s="3">
        <v>3.1E-2</v>
      </c>
      <c r="D29" s="3">
        <v>0.51900000000000002</v>
      </c>
    </row>
    <row r="30" spans="2:4" x14ac:dyDescent="0.25">
      <c r="B30" t="s">
        <v>30</v>
      </c>
      <c r="C30" s="3">
        <v>0.52200000000000002</v>
      </c>
      <c r="D30" s="3">
        <v>0.254</v>
      </c>
    </row>
    <row r="31" spans="2:4" x14ac:dyDescent="0.25">
      <c r="B31" t="s">
        <v>31</v>
      </c>
      <c r="C31" s="3">
        <v>0.48199999999999998</v>
      </c>
      <c r="D31" s="3">
        <v>2.0289999999999999</v>
      </c>
    </row>
    <row r="32" spans="2:4" x14ac:dyDescent="0.25">
      <c r="B32" t="s">
        <v>32</v>
      </c>
      <c r="C32" s="3">
        <v>0.56300000000000006</v>
      </c>
      <c r="D32" s="3">
        <v>0.14799999999999999</v>
      </c>
    </row>
    <row r="33" spans="2:4" x14ac:dyDescent="0.25">
      <c r="B33" t="s">
        <v>33</v>
      </c>
      <c r="C33" s="3">
        <v>0.47800000000000004</v>
      </c>
      <c r="D33" s="3">
        <v>0.12</v>
      </c>
    </row>
    <row r="34" spans="2:4" x14ac:dyDescent="0.25">
      <c r="B34" t="s">
        <v>34</v>
      </c>
      <c r="C34" s="3">
        <v>0.49099999999999999</v>
      </c>
      <c r="D34" s="3">
        <v>0</v>
      </c>
    </row>
    <row r="35" spans="2:4" x14ac:dyDescent="0.25">
      <c r="B35" t="s">
        <v>35</v>
      </c>
      <c r="C35" s="3">
        <v>0.41500000000000004</v>
      </c>
      <c r="D35" s="3">
        <v>0.18</v>
      </c>
    </row>
    <row r="36" spans="2:4" x14ac:dyDescent="0.25">
      <c r="B36" t="s">
        <v>36</v>
      </c>
      <c r="C36" s="3">
        <v>0.372</v>
      </c>
      <c r="D36" s="3">
        <v>3.5999999999999997E-2</v>
      </c>
    </row>
    <row r="37" spans="2:4" x14ac:dyDescent="0.25">
      <c r="B37" t="s">
        <v>37</v>
      </c>
      <c r="C37" s="3">
        <v>0.307</v>
      </c>
      <c r="D37" s="3">
        <v>0.26300000000000001</v>
      </c>
    </row>
    <row r="38" spans="2:4" x14ac:dyDescent="0.25">
      <c r="B38" t="s">
        <v>38</v>
      </c>
      <c r="C38" s="3">
        <v>0.247</v>
      </c>
      <c r="D38" s="3">
        <v>0.02</v>
      </c>
    </row>
    <row r="39" spans="2:4" x14ac:dyDescent="0.25">
      <c r="B39" t="s">
        <v>39</v>
      </c>
      <c r="C39" s="3">
        <v>0.29599999999999999</v>
      </c>
      <c r="D39" s="3">
        <v>0</v>
      </c>
    </row>
    <row r="40" spans="2:4" x14ac:dyDescent="0.25">
      <c r="B40" t="s">
        <v>40</v>
      </c>
      <c r="C40" s="3">
        <v>0.28100000000000003</v>
      </c>
      <c r="D40" s="3">
        <v>9.6000000000000002E-2</v>
      </c>
    </row>
    <row r="41" spans="2:4" x14ac:dyDescent="0.25">
      <c r="B41" t="s">
        <v>41</v>
      </c>
      <c r="C41" s="3">
        <v>0</v>
      </c>
      <c r="D41" s="3">
        <v>0.12</v>
      </c>
    </row>
    <row r="42" spans="2:4" x14ac:dyDescent="0.25">
      <c r="B42" t="s">
        <v>42</v>
      </c>
      <c r="C42" s="3">
        <v>0.27200000000000002</v>
      </c>
      <c r="D42" s="3">
        <v>9.5000000000000001E-2</v>
      </c>
    </row>
    <row r="43" spans="2:4" x14ac:dyDescent="0.25">
      <c r="B43" t="s">
        <v>43</v>
      </c>
      <c r="C43" s="3">
        <v>0.27700000000000002</v>
      </c>
      <c r="D43" s="3">
        <v>6.9000000000000006E-2</v>
      </c>
    </row>
    <row r="44" spans="2:4" x14ac:dyDescent="0.25">
      <c r="B44" t="s">
        <v>44</v>
      </c>
      <c r="C44" s="3">
        <v>0.36599999999999999</v>
      </c>
      <c r="D44" s="3">
        <v>0.107</v>
      </c>
    </row>
    <row r="45" spans="2:4" x14ac:dyDescent="0.25">
      <c r="B45" t="s">
        <v>45</v>
      </c>
      <c r="C45" s="3">
        <v>8.3000000000000004E-2</v>
      </c>
      <c r="D45" s="3">
        <v>0</v>
      </c>
    </row>
    <row r="46" spans="2:4" x14ac:dyDescent="0.25">
      <c r="B46" t="s">
        <v>46</v>
      </c>
      <c r="C46" s="3">
        <v>9.1999999999999998E-2</v>
      </c>
      <c r="D46" s="3">
        <v>0.56599999999999995</v>
      </c>
    </row>
    <row r="47" spans="2:4" x14ac:dyDescent="0.25">
      <c r="B47" t="s">
        <v>47</v>
      </c>
      <c r="C47" s="3">
        <v>0.18099999999999999</v>
      </c>
      <c r="D47" s="3">
        <v>0.67400000000000004</v>
      </c>
    </row>
    <row r="48" spans="2:4" x14ac:dyDescent="0.25">
      <c r="B48" t="s">
        <v>48</v>
      </c>
      <c r="C48" s="3">
        <v>0.157</v>
      </c>
      <c r="D48" s="3">
        <v>8.5000000000000006E-2</v>
      </c>
    </row>
    <row r="49" spans="2:4" x14ac:dyDescent="0.25">
      <c r="B49" t="s">
        <v>49</v>
      </c>
      <c r="C49" s="3">
        <v>0.245</v>
      </c>
      <c r="D49" s="3">
        <v>0.14499999999999999</v>
      </c>
    </row>
    <row r="50" spans="2:4" x14ac:dyDescent="0.25">
      <c r="B50" t="s">
        <v>50</v>
      </c>
      <c r="C50" s="3">
        <v>0.158</v>
      </c>
      <c r="D50" s="3">
        <v>0.36599999999999999</v>
      </c>
    </row>
    <row r="51" spans="2:4" x14ac:dyDescent="0.25">
      <c r="B51" t="s">
        <v>51</v>
      </c>
      <c r="C51" s="3">
        <v>0.122</v>
      </c>
      <c r="D51" s="3">
        <v>7.9000000000000001E-2</v>
      </c>
    </row>
    <row r="52" spans="2:4" x14ac:dyDescent="0.25">
      <c r="B52" t="s">
        <v>52</v>
      </c>
      <c r="C52" s="3">
        <v>0.11900000000000001</v>
      </c>
      <c r="D52" s="3">
        <v>0.39</v>
      </c>
    </row>
    <row r="53" spans="2:4" x14ac:dyDescent="0.25">
      <c r="B53" t="s">
        <v>53</v>
      </c>
      <c r="C53" s="3">
        <v>0.16300000000000001</v>
      </c>
      <c r="D53" s="3">
        <v>2.5999999999999999E-2</v>
      </c>
    </row>
    <row r="54" spans="2:4" x14ac:dyDescent="0.25">
      <c r="B54" t="s">
        <v>54</v>
      </c>
      <c r="C54" s="3">
        <v>9.0999999999999998E-2</v>
      </c>
      <c r="D54" s="3">
        <v>2.7E-2</v>
      </c>
    </row>
    <row r="55" spans="2:4" x14ac:dyDescent="0.25">
      <c r="B55" t="s">
        <v>55</v>
      </c>
      <c r="C55" s="3">
        <v>6.5000000000000002E-2</v>
      </c>
      <c r="D55" s="3">
        <v>1.9E-2</v>
      </c>
    </row>
    <row r="56" spans="2:4" x14ac:dyDescent="0.25">
      <c r="B56" t="s">
        <v>56</v>
      </c>
      <c r="C56" s="3">
        <v>0</v>
      </c>
      <c r="D56" s="3">
        <v>0</v>
      </c>
    </row>
    <row r="57" spans="2:4" x14ac:dyDescent="0.25">
      <c r="B57" t="s">
        <v>57</v>
      </c>
      <c r="C57" s="3">
        <v>7.2999999999999995E-2</v>
      </c>
      <c r="D57" s="3">
        <v>1.2E-2</v>
      </c>
    </row>
    <row r="58" spans="2:4" x14ac:dyDescent="0.25">
      <c r="B58" t="s">
        <v>58</v>
      </c>
      <c r="C58" s="3">
        <v>2.1999999999999999E-2</v>
      </c>
      <c r="D58" s="3">
        <v>0.65</v>
      </c>
    </row>
    <row r="59" spans="2:4" x14ac:dyDescent="0.25">
      <c r="B59" t="s">
        <v>59</v>
      </c>
      <c r="C59" s="3">
        <v>0</v>
      </c>
      <c r="D59" s="3">
        <v>5.5E-2</v>
      </c>
    </row>
    <row r="60" spans="2:4" x14ac:dyDescent="0.25">
      <c r="B60" t="s">
        <v>60</v>
      </c>
      <c r="C60" s="3">
        <v>0</v>
      </c>
      <c r="D60" s="3">
        <v>0</v>
      </c>
    </row>
    <row r="61" spans="2:4" x14ac:dyDescent="0.25">
      <c r="B61" t="s">
        <v>61</v>
      </c>
      <c r="C61" s="3">
        <v>0</v>
      </c>
      <c r="D61" s="3">
        <v>0</v>
      </c>
    </row>
    <row r="62" spans="2:4" x14ac:dyDescent="0.25">
      <c r="B62" t="s">
        <v>62</v>
      </c>
      <c r="C62" s="3">
        <v>2.8000000000000001E-2</v>
      </c>
      <c r="D62" s="3">
        <v>6.3E-2</v>
      </c>
    </row>
    <row r="63" spans="2:4" x14ac:dyDescent="0.25">
      <c r="B63" t="s">
        <v>63</v>
      </c>
      <c r="C63" s="3">
        <v>0</v>
      </c>
      <c r="D63" s="3">
        <v>0</v>
      </c>
    </row>
    <row r="64" spans="2:4" x14ac:dyDescent="0.25">
      <c r="B64" t="s">
        <v>64</v>
      </c>
      <c r="C64" s="3">
        <v>0</v>
      </c>
      <c r="D64" s="3">
        <v>0</v>
      </c>
    </row>
    <row r="65" spans="2:4" x14ac:dyDescent="0.25">
      <c r="B65" t="s">
        <v>65</v>
      </c>
      <c r="C65" s="3">
        <v>0</v>
      </c>
      <c r="D65" s="3">
        <v>0</v>
      </c>
    </row>
    <row r="66" spans="2:4" x14ac:dyDescent="0.25">
      <c r="B66" t="s">
        <v>66</v>
      </c>
      <c r="C66" s="3">
        <v>0</v>
      </c>
      <c r="D66" s="3">
        <v>0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Metadata/LabelInfo.xml><?xml version="1.0" encoding="utf-8"?>
<clbl:labelList xmlns:clbl="http://schemas.microsoft.com/office/2020/mipLabelMetadata">
  <clbl:label id="{a4033ad9-086f-4644-8250-c4b04e194685}" enabled="1" method="Privileged" siteId="{0159e9d0-09a0-4edf-96ba-a3deea363c2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4-06-03T15:08:36Z</dcterms:created>
  <dcterms:modified xsi:type="dcterms:W3CDTF">2025-01-24T15:45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